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6" Type="http://schemas.microsoft.com/office/2011/relationships/webextensiontaskpanes" Target="xl/webextensions/taskpanes.xml"/><Relationship Id="rId5" Type="http://schemas.microsoft.com/office/2020/02/relationships/classificationlabels" Target="docMetadata/LabelInfo.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8619"/>
  <workbookPr/>
  <mc:AlternateContent xmlns:mc="http://schemas.openxmlformats.org/markup-compatibility/2006">
    <mc:Choice Requires="x15">
      <x15ac:absPath xmlns:x15ac="http://schemas.microsoft.com/office/spreadsheetml/2010/11/ac" url="https://arup.sharepoint.com/teams/prj-30307900/Shared Documents/04 Internal Data/05 Reports/01 Infra/Drainage Strategy/SS2/"/>
    </mc:Choice>
  </mc:AlternateContent>
  <xr:revisionPtr revIDLastSave="0" documentId="8_{5F275565-6542-49BF-9662-114F1D78CB34}" xr6:coauthVersionLast="47" xr6:coauthVersionMax="47" xr10:uidLastSave="{00000000-0000-0000-0000-000000000000}"/>
  <bookViews>
    <workbookView xWindow="-96" yWindow="-96" windowWidth="23232" windowHeight="13872" xr2:uid="{00000000-000D-0000-FFFF-FFFF00000000}"/>
  </bookViews>
  <sheets>
    <sheet name="Sheet1" sheetId="4" r:id="rId1"/>
  </sheet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22" uniqueCount="22">
  <si>
    <t>Bullsbrook Road Sub-station</t>
  </si>
  <si>
    <t xml:space="preserve">71554/APP/2025/47 </t>
  </si>
  <si>
    <t>LLFA Planning Application Review</t>
  </si>
  <si>
    <t>Comment Responses</t>
  </si>
  <si>
    <t>Parameter</t>
  </si>
  <si>
    <t xml:space="preserve">Assessment &amp; Reasoning </t>
  </si>
  <si>
    <t>Response</t>
  </si>
  <si>
    <t xml:space="preserve">3a) Runoff Destination (at site boundary) </t>
  </si>
  <si>
    <t xml:space="preserve">MORE INFORMATION REQUIRED – The applicant should consider implementing small-scale SuDS, such as raingardens and tree pits, in the margins of the site, or justify their exclusion. </t>
  </si>
  <si>
    <t xml:space="preserve">There are no opportunities for tree pits within the sub-compound, as there are no trees permitted.
Marginal rain gardens within the sub-compound were considered, but were discounted due maintenance requirements within a restricted area.  Instead, opportunities for rain gardens and tree pits will be explored when developing the surrounding car parking as part of the wider masterplan.  </t>
  </si>
  <si>
    <t>3c) Peak Flow Control</t>
  </si>
  <si>
    <t xml:space="preserve">FAIL – The proposed runoff rate is not the greenfield runoff rate, nor has it met Hillingdon’s guidance of 1-2l/s. The proposed runoff rate must be reduced as much as possible, and a site constraints plan provided where guidance cannot be met. </t>
  </si>
  <si>
    <t>As discussed in the meeting of 24/10/24 (minutes agreed by Metis by email 04/11/24) and outlined in the report, existing drained areas and runoff rates have been used when considering storm water restrictions.  This is because the application boundary is less than 1ha, not in a Critical Drainage Area, and not in an area at risk of surface water flooding, this is not classed as a major development in accordance with LBH criteria.  As such, the requirements of LBH Local Plan Part 2 Policy DMEI 10 do not apply.</t>
  </si>
  <si>
    <t xml:space="preserve">3d) Volume Control </t>
  </si>
  <si>
    <t xml:space="preserve">MORE INFORMATION REQUIRED – The applicant should provide the greenfield, existing and proposed runoff volumes for a 6 hour 1 in 100 year rainfall event. </t>
  </si>
  <si>
    <r>
      <t>InfoDrainage Calculated Greenfield Volume (FEH2022). 100 Year 360 Minute Storm = 62.408m</t>
    </r>
    <r>
      <rPr>
        <vertAlign val="superscript"/>
        <sz val="11"/>
        <color theme="1"/>
        <rFont val="Arial"/>
        <family val="2"/>
      </rPr>
      <t xml:space="preserve">3
</t>
    </r>
    <r>
      <rPr>
        <sz val="11"/>
        <color theme="1"/>
        <rFont val="Arial"/>
        <family val="2"/>
      </rPr>
      <t xml:space="preserve">
Post development 100 year 360 minute (+40%CC)  = 155.77m</t>
    </r>
    <r>
      <rPr>
        <vertAlign val="superscript"/>
        <sz val="11"/>
        <color theme="1"/>
        <rFont val="Arial"/>
        <family val="2"/>
      </rPr>
      <t xml:space="preserve">3
</t>
    </r>
    <r>
      <rPr>
        <sz val="11"/>
        <color theme="1"/>
        <rFont val="Arial"/>
        <family val="2"/>
      </rPr>
      <t xml:space="preserve">
Pre and post development impermeable areas are similar, and as such pre and post development discharge volumes will be similar.</t>
    </r>
  </si>
  <si>
    <t>3e) Flood Risk</t>
  </si>
  <si>
    <t xml:space="preserve">FAIL – The applicant must demonstrate how exceedance flows are suitably managed and add the exceedance flow routes to the drainage layout. 
MORE INFROMATION REQUIRED – The InfoDrainage calculations should use the entire site area, not just the impermeable area. This is to represent a worst-case scenario because, following prolonged periods of rainfall, it is likely that any permeable areas will be saturated and act as impermeable, therefore any rainfall is likely to runoff the surface and enter the drainage system. 
MORE INFORMATION REQUIRED – The calculations do not use the latest rainfall data (FEH22). </t>
  </si>
  <si>
    <t>Exceedance flow routes have been added to the layout.  See attached updated layout.
A contribution from permeable areas that could enter the drainage system has been added to the model.
The network was modelled using InfoDrainage 2023, which does not allow FEH 2022.  The network has been re-modelled with InfoDrainage 2024 using FEH 2022.  See attached results</t>
  </si>
  <si>
    <t>3f) Maintenance</t>
  </si>
  <si>
    <t xml:space="preserve">FAIL – The drainage strategy does not contain the maintenance tasks and frequencies for all proposed drainage components. </t>
  </si>
  <si>
    <t>Maintenance strategy attache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8">
    <font>
      <sz val="11"/>
      <color theme="1"/>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b/>
      <sz val="11"/>
      <name val="Arial"/>
      <family val="2"/>
    </font>
    <font>
      <vertAlign val="superscript"/>
      <sz val="11"/>
      <color theme="1"/>
      <name val="Arial"/>
      <family val="2"/>
    </font>
  </fonts>
  <fills count="3">
    <fill>
      <patternFill patternType="none"/>
    </fill>
    <fill>
      <patternFill patternType="gray125"/>
    </fill>
    <fill>
      <patternFill patternType="solid">
        <fgColor theme="0" tint="-0.249977111117893"/>
        <bgColor indexed="64"/>
      </patternFill>
    </fill>
  </fills>
  <borders count="5">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s>
  <cellStyleXfs count="7">
    <xf numFmtId="0" fontId="0" fillId="0" borderId="0"/>
    <xf numFmtId="0" fontId="4" fillId="0" borderId="0" applyNumberFormat="0" applyFill="0" applyBorder="0" applyAlignment="0" applyProtection="0"/>
    <xf numFmtId="0" fontId="1" fillId="0" borderId="1" applyNumberFormat="0" applyFill="0" applyAlignment="0" applyProtection="0"/>
    <xf numFmtId="0" fontId="2" fillId="0" borderId="2" applyNumberFormat="0" applyFill="0" applyAlignment="0" applyProtection="0"/>
    <xf numFmtId="0" fontId="3" fillId="0" borderId="3" applyNumberFormat="0" applyFill="0" applyAlignment="0" applyProtection="0"/>
    <xf numFmtId="0" fontId="6" fillId="0" borderId="0" applyNumberFormat="0" applyFill="0" applyBorder="0" applyAlignment="0" applyProtection="0"/>
    <xf numFmtId="0" fontId="5" fillId="0" borderId="4" applyNumberFormat="0" applyFill="0" applyAlignment="0" applyProtection="0"/>
  </cellStyleXfs>
  <cellXfs count="7">
    <xf numFmtId="0" fontId="0" fillId="0" borderId="0" xfId="0"/>
    <xf numFmtId="0" fontId="0" fillId="0" borderId="0" xfId="0" applyAlignment="1">
      <alignment vertical="top"/>
    </xf>
    <xf numFmtId="0" fontId="0" fillId="0" borderId="0" xfId="0" applyAlignment="1">
      <alignment vertical="top" wrapText="1"/>
    </xf>
    <xf numFmtId="0" fontId="6" fillId="0" borderId="0" xfId="5" applyAlignment="1">
      <alignment vertical="top"/>
    </xf>
    <xf numFmtId="0" fontId="5" fillId="2" borderId="0" xfId="0" applyFont="1" applyFill="1" applyAlignment="1">
      <alignment vertical="top"/>
    </xf>
    <xf numFmtId="0" fontId="5" fillId="2" borderId="0" xfId="0" applyFont="1" applyFill="1" applyAlignment="1">
      <alignment vertical="top" wrapText="1"/>
    </xf>
    <xf numFmtId="0" fontId="5" fillId="0" borderId="0" xfId="0" applyFont="1" applyAlignment="1">
      <alignment vertical="top"/>
    </xf>
  </cellXfs>
  <cellStyles count="7">
    <cellStyle name="Heading 1" xfId="2" builtinId="16" customBuiltin="1"/>
    <cellStyle name="Heading 2" xfId="3" builtinId="17" customBuiltin="1"/>
    <cellStyle name="Heading 3" xfId="4" builtinId="18" customBuiltin="1"/>
    <cellStyle name="Heading 4" xfId="5" builtinId="19" customBuiltin="1"/>
    <cellStyle name="Normal" xfId="0" builtinId="0" customBuiltin="1"/>
    <cellStyle name="Title" xfId="1" builtinId="15" customBuiltin="1"/>
    <cellStyle name="Total" xfId="6" builtinId="25" customBuiltin="1"/>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4.xml"/><Relationship Id="rId3" Type="http://schemas.openxmlformats.org/officeDocument/2006/relationships/styles" Target="styles.xml"/><Relationship Id="rId7" Type="http://schemas.openxmlformats.org/officeDocument/2006/relationships/customXml" Target="../customXml/item3.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 Id="rId9" Type="http://schemas.openxmlformats.org/officeDocument/2006/relationships/customXml" Target="../customXml/item5.xml"/></Relationships>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D504E6-FF23-42EF-A4AB-971259469FAD}">
  <dimension ref="A1:J26"/>
  <sheetViews>
    <sheetView tabSelected="1" workbookViewId="0">
      <selection activeCell="F11" sqref="F11"/>
    </sheetView>
  </sheetViews>
  <sheetFormatPr defaultColWidth="8.75" defaultRowHeight="13.9"/>
  <cols>
    <col min="1" max="1" width="20.625" style="1" customWidth="1"/>
    <col min="2" max="3" width="50.625" style="1" customWidth="1"/>
    <col min="4" max="16384" width="8.75" style="1"/>
  </cols>
  <sheetData>
    <row r="1" spans="1:3">
      <c r="A1" s="1" t="s">
        <v>0</v>
      </c>
    </row>
    <row r="2" spans="1:3">
      <c r="A2" s="1" t="s">
        <v>1</v>
      </c>
    </row>
    <row r="4" spans="1:3" ht="14.1">
      <c r="A4" s="6" t="s">
        <v>2</v>
      </c>
    </row>
    <row r="5" spans="1:3" ht="14.1">
      <c r="A5" s="6" t="s">
        <v>3</v>
      </c>
    </row>
    <row r="7" spans="1:3" ht="14.1">
      <c r="A7" s="4" t="s">
        <v>4</v>
      </c>
      <c r="B7" s="5" t="s">
        <v>5</v>
      </c>
      <c r="C7" s="4" t="s">
        <v>6</v>
      </c>
    </row>
    <row r="8" spans="1:3" ht="140.1" customHeight="1">
      <c r="A8" s="2" t="s">
        <v>7</v>
      </c>
      <c r="B8" s="2" t="s">
        <v>8</v>
      </c>
      <c r="C8" s="2" t="s">
        <v>9</v>
      </c>
    </row>
    <row r="9" spans="1:3" ht="149.65" customHeight="1">
      <c r="A9" s="2" t="s">
        <v>10</v>
      </c>
      <c r="B9" s="2" t="s">
        <v>11</v>
      </c>
      <c r="C9" s="2" t="s">
        <v>12</v>
      </c>
    </row>
    <row r="10" spans="1:3" ht="147.6" customHeight="1">
      <c r="A10" s="2" t="s">
        <v>13</v>
      </c>
      <c r="B10" s="2" t="s">
        <v>14</v>
      </c>
      <c r="C10" s="2" t="s">
        <v>15</v>
      </c>
    </row>
    <row r="11" spans="1:3" ht="208.15" customHeight="1">
      <c r="A11" s="1" t="s">
        <v>16</v>
      </c>
      <c r="B11" s="2" t="s">
        <v>17</v>
      </c>
      <c r="C11" s="2" t="s">
        <v>18</v>
      </c>
    </row>
    <row r="12" spans="1:3" ht="38.1" customHeight="1">
      <c r="A12" s="1" t="s">
        <v>19</v>
      </c>
      <c r="B12" s="2" t="s">
        <v>20</v>
      </c>
      <c r="C12" s="1" t="s">
        <v>21</v>
      </c>
    </row>
    <row r="26" spans="10:10" ht="14.1">
      <c r="J26" s="3"/>
    </row>
  </sheetData>
  <pageMargins left="0.7" right="0.7" top="0.75" bottom="0.75" header="0.3" footer="0.3"/>
  <pageSetup paperSize="9" orientation="portrait" horizontalDpi="300" verticalDpi="300"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ACA019E0C3A3B44FA7A997605A8EF88C" ma:contentTypeVersion="19" ma:contentTypeDescription="" ma:contentTypeScope="" ma:versionID="d462a4bf1d0c8175bf2d9778ac1af3e2">
  <xsd:schema xmlns:xsd="http://www.w3.org/2001/XMLSchema" xmlns:xs="http://www.w3.org/2001/XMLSchema" xmlns:p="http://schemas.microsoft.com/office/2006/metadata/properties" xmlns:ns2="6655d612-3260-458f-8a45-e9da632a19cc" xmlns:ns3="bdbd53dc-bc27-4a3f-bf69-eb1938e2e984" targetNamespace="http://schemas.microsoft.com/office/2006/metadata/properties" ma:root="true" ma:fieldsID="51a8b08dd6885e569503b63d9781df88" ns2:_="" ns3:_="">
    <xsd:import namespace="6655d612-3260-458f-8a45-e9da632a19cc"/>
    <xsd:import namespace="bdbd53dc-bc27-4a3f-bf69-eb1938e2e984"/>
    <xsd:element name="properties">
      <xsd:complexType>
        <xsd:sequence>
          <xsd:element name="documentManagement">
            <xsd:complexType>
              <xsd:all>
                <xsd:element ref="ns2:CO_Description" minOccurs="0"/>
                <xsd:element ref="ns2:nc695c5aeb184e52bf78fb52672e0b9d" minOccurs="0"/>
                <xsd:element ref="ns2:TaxCatchAll" minOccurs="0"/>
                <xsd:element ref="ns2:TaxCatchAllLabel"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SearchProperties" minOccurs="0"/>
                <xsd:element ref="ns3:MediaServiceObjectDetectorVersions" minOccurs="0"/>
                <xsd:element ref="ns3:lcf76f155ced4ddcb4097134ff3c332f" minOccurs="0"/>
                <xsd:element ref="ns3:MediaServiceDateTaken" minOccurs="0"/>
                <xsd:element ref="ns3:MediaServiceOCR" minOccurs="0"/>
                <xsd:element ref="ns3:MediaServiceGenerationTime" minOccurs="0"/>
                <xsd:element ref="ns3:MediaServiceEventHashCode" minOccurs="0"/>
                <xsd:element ref="ns3: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55d612-3260-458f-8a45-e9da632a19cc"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nc695c5aeb184e52bf78fb52672e0b9d" ma:index="9"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dbec0e38-b92b-4d71-927f-d4f300671b37}" ma:internalName="TaxCatchAll" ma:showField="CatchAllData" ma:web="6655d612-3260-458f-8a45-e9da632a19cc">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dbec0e38-b92b-4d71-927f-d4f300671b37}" ma:internalName="TaxCatchAllLabel" ma:readOnly="true" ma:showField="CatchAllDataLabel" ma:web="6655d612-3260-458f-8a45-e9da632a19cc">
      <xsd:complexType>
        <xsd:complexContent>
          <xsd:extension base="dms:MultiChoiceLookup">
            <xsd:sequence>
              <xsd:element name="Value" type="dms:Lookup" maxOccurs="unbounded" minOccurs="0" nillable="true"/>
            </xsd:sequence>
          </xsd:extension>
        </xsd:complexContent>
      </xsd:complexType>
    </xsd:element>
    <xsd:element name="ja38ea1158ed452e9308a795972805b9" ma:index="13"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5"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7"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18"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19"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0"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1" nillable="true" ma:displayName="Deliverable" ma:default="0" ma:indexed="true" ma:internalName="Arup_TeamSpaceDeliverable">
      <xsd:simpleType>
        <xsd:restriction base="dms:Boolean"/>
      </xsd:simpleType>
    </xsd:element>
    <xsd:element name="TeamSpaceRevision" ma:index="22" nillable="true" ma:displayName="Revision" ma:description="User-editable version number" ma:internalName="TeamSpaceRevision">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dbd53dc-bc27-4a3f-bf69-eb1938e2e984" elementFormDefault="qualified">
    <xsd:import namespace="http://schemas.microsoft.com/office/2006/documentManagement/types"/>
    <xsd:import namespace="http://schemas.microsoft.com/office/infopath/2007/PartnerControls"/>
    <xsd:element name="MediaServiceMetadata" ma:index="23" nillable="true" ma:displayName="MediaServiceMetadata" ma:hidden="true" ma:internalName="MediaServiceMetadata" ma:readOnly="true">
      <xsd:simpleType>
        <xsd:restriction base="dms:Note"/>
      </xsd:simpleType>
    </xsd:element>
    <xsd:element name="MediaServiceFastMetadata" ma:index="24" nillable="true" ma:displayName="MediaServiceFastMetadata" ma:hidden="true" ma:internalName="MediaServiceFastMetadata" ma:readOnly="true">
      <xsd:simpleType>
        <xsd:restriction base="dms:Note"/>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ObjectDetectorVersions" ma:index="26" nillable="true" ma:displayName="MediaServiceObjectDetectorVersions" ma:hidden="true" ma:indexed="true" ma:internalName="MediaServiceObjectDetectorVersions" ma:readOnly="true">
      <xsd:simpleType>
        <xsd:restriction base="dms:Text"/>
      </xsd:simpleType>
    </xsd:element>
    <xsd:element name="lcf76f155ced4ddcb4097134ff3c332f" ma:index="28"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DateTaken" ma:index="29" nillable="true" ma:displayName="MediaServiceDateTaken" ma:hidden="true" ma:indexed="true" ma:internalName="MediaServiceDateTaken" ma:readOnly="true">
      <xsd:simpleType>
        <xsd:restriction base="dms:Text"/>
      </xsd:simpleType>
    </xsd:element>
    <xsd:element name="MediaServiceOCR" ma:index="30" nillable="true" ma:displayName="Extracted Text" ma:internalName="MediaServiceOCR" ma:readOnly="true">
      <xsd:simpleType>
        <xsd:restriction base="dms:Note">
          <xsd:maxLength value="255"/>
        </xsd:restriction>
      </xsd:simple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ServiceLocation" ma:index="33" nillable="true" ma:displayName="Location" ma:indexed="true"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Arup_TeamSpaceDeliverable xmlns="6655d612-3260-458f-8a45-e9da632a19cc">false</Arup_TeamSpaceDeliverable>
    <Arup_TeamSpaceProjectStage xmlns="6655d612-3260-458f-8a45-e9da632a19cc" xsi:nil="true"/>
    <Arup_TeamSpaceDocumentStatus xmlns="6655d612-3260-458f-8a45-e9da632a19cc" xsi:nil="true"/>
    <Arup_TeamSpaceMustRead xmlns="6655d612-3260-458f-8a45-e9da632a19cc">false</Arup_TeamSpaceMustRead>
    <lcf76f155ced4ddcb4097134ff3c332f xmlns="bdbd53dc-bc27-4a3f-bf69-eb1938e2e984">
      <Terms xmlns="http://schemas.microsoft.com/office/infopath/2007/PartnerControls"/>
    </lcf76f155ced4ddcb4097134ff3c332f>
    <CO_Description xmlns="6655d612-3260-458f-8a45-e9da632a19cc" xsi:nil="true"/>
    <TaxCatchAll xmlns="6655d612-3260-458f-8a45-e9da632a19cc" xsi:nil="true"/>
    <nc695c5aeb184e52bf78fb52672e0b9d xmlns="6655d612-3260-458f-8a45-e9da632a19cc">
      <Terms xmlns="http://schemas.microsoft.com/office/infopath/2007/PartnerControls"/>
    </nc695c5aeb184e52bf78fb52672e0b9d>
    <o9707bc871d6428696dc7fdce2fc1966 xmlns="6655d612-3260-458f-8a45-e9da632a19cc">
      <Terms xmlns="http://schemas.microsoft.com/office/infopath/2007/PartnerControls"/>
    </o9707bc871d6428696dc7fdce2fc1966>
    <ja38ea1158ed452e9308a795972805b9 xmlns="6655d612-3260-458f-8a45-e9da632a19cc">
      <Terms xmlns="http://schemas.microsoft.com/office/infopath/2007/PartnerControls"/>
    </ja38ea1158ed452e9308a795972805b9>
    <Arup_TeamSpaceWorkstreamInternal xmlns="6655d612-3260-458f-8a45-e9da632a19cc" xsi:nil="true"/>
    <TeamSpaceRevision xmlns="6655d612-3260-458f-8a45-e9da632a19cc" xsi:nil="true"/>
  </documentManagement>
</p:properties>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DA6FE9B3-F561-43DC-8B5F-165814419D9A}"/>
</file>

<file path=customXml/itemProps2.xml><?xml version="1.0" encoding="utf-8"?>
<ds:datastoreItem xmlns:ds="http://schemas.openxmlformats.org/officeDocument/2006/customXml" ds:itemID="{487090F1-CD75-4303-88D2-0D37AB99346E}"/>
</file>

<file path=customXml/itemProps3.xml><?xml version="1.0" encoding="utf-8"?>
<ds:datastoreItem xmlns:ds="http://schemas.openxmlformats.org/officeDocument/2006/customXml" ds:itemID="{9ADB0834-5214-4A48-92DC-5A8575CB17BF}"/>
</file>

<file path=customXml/itemProps4.xml><?xml version="1.0" encoding="utf-8"?>
<ds:datastoreItem xmlns:ds="http://schemas.openxmlformats.org/officeDocument/2006/customXml" ds:itemID="{E59C169C-5B71-4139-B067-6BD7D31FA149}"/>
</file>

<file path=customXml/itemProps5.xml><?xml version="1.0" encoding="utf-8"?>
<ds:datastoreItem xmlns:ds="http://schemas.openxmlformats.org/officeDocument/2006/customXml" ds:itemID="{62CB8C1F-D40D-4C86-BB4B-0CF96D922D6C}"/>
</file>

<file path=docMetadata/LabelInfo.xml><?xml version="1.0" encoding="utf-8"?>
<clbl:labelList xmlns:clbl="http://schemas.microsoft.com/office/2020/mipLabelMetadata">
  <clbl:label id="{82fa3fd3-029b-403d-91b4-1dc930cb0e60}" enabled="1" method="Standar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ris Heath</dc:creator>
  <cp:keywords/>
  <dc:description/>
  <cp:lastModifiedBy/>
  <cp:revision/>
  <dcterms:created xsi:type="dcterms:W3CDTF">2025-01-13T15:23:52Z</dcterms:created>
  <dcterms:modified xsi:type="dcterms:W3CDTF">2025-02-26T13:48:4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1078141529260557006</vt:lpwstr>
  </property>
  <property fmtid="{D5CDD505-2E9C-101B-9397-08002B2CF9AE}" pid="11" name="TemplafyUserProfileId">
    <vt:lpwstr>63779230819117181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ACA019E0C3A3B44FA7A997605A8EF88C</vt:lpwstr>
  </property>
  <property fmtid="{D5CDD505-2E9C-101B-9397-08002B2CF9AE}" pid="15" name="MediaServiceImageTags">
    <vt:lpwstr/>
  </property>
  <property fmtid="{D5CDD505-2E9C-101B-9397-08002B2CF9AE}" pid="16" name="CO_Topics">
    <vt:lpwstr/>
  </property>
  <property fmtid="{D5CDD505-2E9C-101B-9397-08002B2CF9AE}" pid="17" name="Arup_TypeOfContent">
    <vt:lpwstr/>
  </property>
  <property fmtid="{D5CDD505-2E9C-101B-9397-08002B2CF9AE}" pid="18" name="CO_Communities">
    <vt:lpwstr/>
  </property>
</Properties>
</file>